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7章 道路・建設\02公表用（改定有）\"/>
    </mc:Choice>
  </mc:AlternateContent>
  <xr:revisionPtr revIDLastSave="0" documentId="13_ncr:1_{49518BCC-0EEB-4B2E-AF94-D15EA9C02F42}" xr6:coauthVersionLast="44" xr6:coauthVersionMax="44" xr10:uidLastSave="{00000000-0000-0000-0000-000000000000}"/>
  <bookViews>
    <workbookView xWindow="-108" yWindow="-108" windowWidth="23256" windowHeight="12576" tabRatio="804" xr2:uid="{00000000-000D-0000-FFFF-FFFF00000000}"/>
  </bookViews>
  <sheets>
    <sheet name="1-5 都市計画道路状況" sheetId="19" r:id="rId1"/>
  </sheets>
  <definedNames>
    <definedName name="_xlnm.Print_Titles" localSheetId="0">'1-5 都市計画道路状況'!$1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16" uniqueCount="116">
  <si>
    <t>番号</t>
    <rPh sb="0" eb="2">
      <t>バンゴウ</t>
    </rPh>
    <phoneticPr fontId="1"/>
  </si>
  <si>
    <t>路線名</t>
    <rPh sb="0" eb="3">
      <t>ロセンメイ</t>
    </rPh>
    <phoneticPr fontId="1"/>
  </si>
  <si>
    <t>幅員</t>
    <rPh sb="0" eb="2">
      <t>フクイン</t>
    </rPh>
    <phoneticPr fontId="1"/>
  </si>
  <si>
    <t>名　　　　　　　　　　　　称</t>
    <rPh sb="0" eb="14">
      <t>メイショウ</t>
    </rPh>
    <phoneticPr fontId="1"/>
  </si>
  <si>
    <t>3.2.401</t>
    <phoneticPr fontId="1"/>
  </si>
  <si>
    <t>3.4.404</t>
    <phoneticPr fontId="1"/>
  </si>
  <si>
    <t>花川通</t>
    <rPh sb="0" eb="2">
      <t>ハナカワ</t>
    </rPh>
    <rPh sb="2" eb="3">
      <t>ツウ</t>
    </rPh>
    <phoneticPr fontId="1"/>
  </si>
  <si>
    <t>南花畔通</t>
    <rPh sb="0" eb="1">
      <t>ミナミ</t>
    </rPh>
    <rPh sb="1" eb="2">
      <t>ハナ</t>
    </rPh>
    <rPh sb="2" eb="3">
      <t>アゼ</t>
    </rPh>
    <rPh sb="3" eb="4">
      <t>ツウ</t>
    </rPh>
    <phoneticPr fontId="1"/>
  </si>
  <si>
    <t>3.4.405</t>
    <phoneticPr fontId="1"/>
  </si>
  <si>
    <t>3.4.406</t>
    <phoneticPr fontId="1"/>
  </si>
  <si>
    <t>3.4.407</t>
    <phoneticPr fontId="1"/>
  </si>
  <si>
    <t>若葉通</t>
    <rPh sb="0" eb="2">
      <t>ワカバ</t>
    </rPh>
    <rPh sb="2" eb="3">
      <t>ツウ</t>
    </rPh>
    <phoneticPr fontId="1"/>
  </si>
  <si>
    <t>中央通</t>
    <rPh sb="0" eb="2">
      <t>チュウオウ</t>
    </rPh>
    <rPh sb="2" eb="3">
      <t>ツウ</t>
    </rPh>
    <phoneticPr fontId="1"/>
  </si>
  <si>
    <t>北陽通</t>
    <rPh sb="0" eb="1">
      <t>キタ</t>
    </rPh>
    <rPh sb="1" eb="2">
      <t>ヨウ</t>
    </rPh>
    <rPh sb="2" eb="3">
      <t>ツウ</t>
    </rPh>
    <phoneticPr fontId="1"/>
  </si>
  <si>
    <t>紅葉山通</t>
    <rPh sb="0" eb="2">
      <t>モミジ</t>
    </rPh>
    <rPh sb="2" eb="3">
      <t>ヤマ</t>
    </rPh>
    <rPh sb="3" eb="4">
      <t>ツウ</t>
    </rPh>
    <phoneticPr fontId="1"/>
  </si>
  <si>
    <t>創成川通</t>
    <rPh sb="0" eb="1">
      <t>ソウ</t>
    </rPh>
    <rPh sb="1" eb="2">
      <t>セイ</t>
    </rPh>
    <rPh sb="2" eb="3">
      <t>カワ</t>
    </rPh>
    <rPh sb="3" eb="4">
      <t>ツウ</t>
    </rPh>
    <phoneticPr fontId="1"/>
  </si>
  <si>
    <t>港通</t>
    <rPh sb="0" eb="1">
      <t>ミナト</t>
    </rPh>
    <rPh sb="1" eb="2">
      <t>ツウ</t>
    </rPh>
    <phoneticPr fontId="1"/>
  </si>
  <si>
    <t>石狩通</t>
    <rPh sb="0" eb="2">
      <t>イシカリ</t>
    </rPh>
    <rPh sb="2" eb="3">
      <t>ツウ</t>
    </rPh>
    <phoneticPr fontId="1"/>
  </si>
  <si>
    <t>道央新道</t>
    <rPh sb="0" eb="2">
      <t>ドウオウ</t>
    </rPh>
    <rPh sb="2" eb="3">
      <t>シン</t>
    </rPh>
    <rPh sb="3" eb="4">
      <t>ミチ</t>
    </rPh>
    <phoneticPr fontId="1"/>
  </si>
  <si>
    <t>流通通</t>
    <rPh sb="0" eb="1">
      <t>ナガ</t>
    </rPh>
    <rPh sb="1" eb="2">
      <t>ツウ</t>
    </rPh>
    <rPh sb="2" eb="3">
      <t>ツウ</t>
    </rPh>
    <phoneticPr fontId="1"/>
  </si>
  <si>
    <t>樽川中央通</t>
    <rPh sb="0" eb="1">
      <t>タル</t>
    </rPh>
    <rPh sb="1" eb="2">
      <t>カワ</t>
    </rPh>
    <rPh sb="2" eb="4">
      <t>チュウオウ</t>
    </rPh>
    <rPh sb="4" eb="5">
      <t>ツウ</t>
    </rPh>
    <phoneticPr fontId="1"/>
  </si>
  <si>
    <t>花畔埠頭通</t>
    <rPh sb="0" eb="1">
      <t>ハナ</t>
    </rPh>
    <rPh sb="1" eb="2">
      <t>アゼ</t>
    </rPh>
    <rPh sb="2" eb="4">
      <t>フトウ</t>
    </rPh>
    <rPh sb="4" eb="5">
      <t>ツウ</t>
    </rPh>
    <phoneticPr fontId="1"/>
  </si>
  <si>
    <t>花畔中央通</t>
    <rPh sb="0" eb="1">
      <t>ハナ</t>
    </rPh>
    <rPh sb="1" eb="2">
      <t>アゼ</t>
    </rPh>
    <rPh sb="2" eb="4">
      <t>チュウオウ</t>
    </rPh>
    <rPh sb="4" eb="5">
      <t>ツウ</t>
    </rPh>
    <phoneticPr fontId="1"/>
  </si>
  <si>
    <t>花川南５条通</t>
    <rPh sb="0" eb="2">
      <t>ハナカワ</t>
    </rPh>
    <rPh sb="2" eb="3">
      <t>ミナミ</t>
    </rPh>
    <rPh sb="4" eb="5">
      <t>ジョウ</t>
    </rPh>
    <rPh sb="5" eb="6">
      <t>ツウ</t>
    </rPh>
    <phoneticPr fontId="1"/>
  </si>
  <si>
    <t>花川南３丁目通</t>
    <rPh sb="0" eb="2">
      <t>ハナカワ</t>
    </rPh>
    <rPh sb="2" eb="3">
      <t>ミナミ</t>
    </rPh>
    <rPh sb="4" eb="6">
      <t>チョウメ</t>
    </rPh>
    <rPh sb="6" eb="7">
      <t>ツウ</t>
    </rPh>
    <phoneticPr fontId="1"/>
  </si>
  <si>
    <t>花畔環状通</t>
    <rPh sb="0" eb="1">
      <t>ハナ</t>
    </rPh>
    <rPh sb="1" eb="2">
      <t>アゼ</t>
    </rPh>
    <rPh sb="2" eb="4">
      <t>カンジョウ</t>
    </rPh>
    <rPh sb="4" eb="5">
      <t>ツウ</t>
    </rPh>
    <phoneticPr fontId="1"/>
  </si>
  <si>
    <t>紅葉山中央通</t>
    <rPh sb="0" eb="2">
      <t>モミジ</t>
    </rPh>
    <rPh sb="2" eb="3">
      <t>ヤマ</t>
    </rPh>
    <rPh sb="3" eb="5">
      <t>チュウオウ</t>
    </rPh>
    <rPh sb="5" eb="6">
      <t>ツウ</t>
    </rPh>
    <phoneticPr fontId="1"/>
  </si>
  <si>
    <t>紅葉山東通</t>
    <rPh sb="0" eb="2">
      <t>モミジ</t>
    </rPh>
    <rPh sb="2" eb="3">
      <t>ヤマ</t>
    </rPh>
    <rPh sb="3" eb="4">
      <t>ヒガシ</t>
    </rPh>
    <rPh sb="4" eb="5">
      <t>ツウ</t>
    </rPh>
    <phoneticPr fontId="1"/>
  </si>
  <si>
    <t>本町中央通</t>
    <rPh sb="0" eb="1">
      <t>ホン</t>
    </rPh>
    <rPh sb="1" eb="2">
      <t>マチ</t>
    </rPh>
    <rPh sb="2" eb="4">
      <t>チュウオウ</t>
    </rPh>
    <rPh sb="4" eb="5">
      <t>ツウ</t>
    </rPh>
    <phoneticPr fontId="1"/>
  </si>
  <si>
    <t>本町環状通</t>
    <rPh sb="0" eb="1">
      <t>ホン</t>
    </rPh>
    <rPh sb="1" eb="2">
      <t>マチ</t>
    </rPh>
    <rPh sb="2" eb="4">
      <t>カンジョウ</t>
    </rPh>
    <rPh sb="4" eb="5">
      <t>ツウ</t>
    </rPh>
    <phoneticPr fontId="1"/>
  </si>
  <si>
    <t>樽川５番通</t>
    <rPh sb="0" eb="1">
      <t>タル</t>
    </rPh>
    <rPh sb="1" eb="2">
      <t>カワ</t>
    </rPh>
    <rPh sb="3" eb="4">
      <t>バン</t>
    </rPh>
    <rPh sb="4" eb="5">
      <t>ツウ</t>
    </rPh>
    <phoneticPr fontId="1"/>
  </si>
  <si>
    <t>樽川６番通</t>
    <rPh sb="0" eb="1">
      <t>タル</t>
    </rPh>
    <rPh sb="1" eb="2">
      <t>カワ</t>
    </rPh>
    <rPh sb="3" eb="4">
      <t>バン</t>
    </rPh>
    <rPh sb="4" eb="5">
      <t>ツウ</t>
    </rPh>
    <phoneticPr fontId="1"/>
  </si>
  <si>
    <t>樽川２号通</t>
    <rPh sb="0" eb="1">
      <t>タル</t>
    </rPh>
    <rPh sb="1" eb="2">
      <t>カワ</t>
    </rPh>
    <rPh sb="3" eb="4">
      <t>ゴウ</t>
    </rPh>
    <rPh sb="4" eb="5">
      <t>ツウ</t>
    </rPh>
    <phoneticPr fontId="1"/>
  </si>
  <si>
    <t>花川南７条通</t>
    <rPh sb="0" eb="2">
      <t>ハナカワ</t>
    </rPh>
    <rPh sb="2" eb="3">
      <t>ミナミ</t>
    </rPh>
    <rPh sb="4" eb="5">
      <t>ジョウ</t>
    </rPh>
    <rPh sb="5" eb="6">
      <t>ツウ</t>
    </rPh>
    <phoneticPr fontId="1"/>
  </si>
  <si>
    <t>樽川７番通</t>
    <rPh sb="0" eb="1">
      <t>タル</t>
    </rPh>
    <rPh sb="1" eb="2">
      <t>カワ</t>
    </rPh>
    <rPh sb="3" eb="4">
      <t>バン</t>
    </rPh>
    <rPh sb="4" eb="5">
      <t>ツウ</t>
    </rPh>
    <phoneticPr fontId="1"/>
  </si>
  <si>
    <t>花川南３条通</t>
    <rPh sb="0" eb="2">
      <t>ハナカワ</t>
    </rPh>
    <rPh sb="2" eb="3">
      <t>ミナミ</t>
    </rPh>
    <rPh sb="4" eb="5">
      <t>ジョウ</t>
    </rPh>
    <rPh sb="5" eb="6">
      <t>ツウ</t>
    </rPh>
    <phoneticPr fontId="1"/>
  </si>
  <si>
    <t>樽川４番通</t>
    <rPh sb="0" eb="1">
      <t>タル</t>
    </rPh>
    <rPh sb="1" eb="2">
      <t>カワ</t>
    </rPh>
    <rPh sb="3" eb="4">
      <t>バン</t>
    </rPh>
    <rPh sb="4" eb="5">
      <t>ツウ</t>
    </rPh>
    <phoneticPr fontId="1"/>
  </si>
  <si>
    <t>新琴似通</t>
    <rPh sb="0" eb="1">
      <t>シン</t>
    </rPh>
    <rPh sb="1" eb="2">
      <t>コト</t>
    </rPh>
    <rPh sb="2" eb="3">
      <t>ニ</t>
    </rPh>
    <rPh sb="3" eb="4">
      <t>ツウ</t>
    </rPh>
    <phoneticPr fontId="1"/>
  </si>
  <si>
    <t>新琴似第５横通</t>
    <rPh sb="0" eb="1">
      <t>シン</t>
    </rPh>
    <rPh sb="1" eb="2">
      <t>コト</t>
    </rPh>
    <rPh sb="2" eb="3">
      <t>ニ</t>
    </rPh>
    <rPh sb="3" eb="4">
      <t>ダイ</t>
    </rPh>
    <rPh sb="5" eb="6">
      <t>ヨコ</t>
    </rPh>
    <rPh sb="6" eb="7">
      <t>ツウ</t>
    </rPh>
    <phoneticPr fontId="1"/>
  </si>
  <si>
    <t>屯田・紅葉山通</t>
    <rPh sb="0" eb="2">
      <t>トンデン</t>
    </rPh>
    <rPh sb="3" eb="5">
      <t>モミジ</t>
    </rPh>
    <rPh sb="5" eb="6">
      <t>ヤマ</t>
    </rPh>
    <rPh sb="6" eb="7">
      <t>ツウ</t>
    </rPh>
    <phoneticPr fontId="1"/>
  </si>
  <si>
    <t>花畔１号通</t>
    <rPh sb="0" eb="1">
      <t>ハナ</t>
    </rPh>
    <rPh sb="1" eb="2">
      <t>アゼ</t>
    </rPh>
    <rPh sb="3" eb="4">
      <t>ゴウ</t>
    </rPh>
    <rPh sb="4" eb="5">
      <t>ツウ</t>
    </rPh>
    <phoneticPr fontId="1"/>
  </si>
  <si>
    <t>花畔２号通</t>
    <rPh sb="0" eb="1">
      <t>ハナ</t>
    </rPh>
    <rPh sb="1" eb="2">
      <t>アゼ</t>
    </rPh>
    <rPh sb="3" eb="4">
      <t>ゴウ</t>
    </rPh>
    <rPh sb="4" eb="5">
      <t>ツウ</t>
    </rPh>
    <phoneticPr fontId="1"/>
  </si>
  <si>
    <t>花畔３号通</t>
    <rPh sb="0" eb="1">
      <t>ハナ</t>
    </rPh>
    <rPh sb="1" eb="2">
      <t>アゼ</t>
    </rPh>
    <rPh sb="3" eb="4">
      <t>ゴウ</t>
    </rPh>
    <rPh sb="4" eb="5">
      <t>ツウ</t>
    </rPh>
    <phoneticPr fontId="1"/>
  </si>
  <si>
    <t>紅葉山１号通</t>
    <rPh sb="0" eb="2">
      <t>モミジ</t>
    </rPh>
    <rPh sb="2" eb="3">
      <t>ヤマ</t>
    </rPh>
    <rPh sb="4" eb="5">
      <t>ゴウ</t>
    </rPh>
    <rPh sb="5" eb="6">
      <t>ツウ</t>
    </rPh>
    <phoneticPr fontId="1"/>
  </si>
  <si>
    <t>紅葉山２号通</t>
    <rPh sb="0" eb="2">
      <t>モミジ</t>
    </rPh>
    <rPh sb="2" eb="3">
      <t>ヤマ</t>
    </rPh>
    <rPh sb="4" eb="5">
      <t>ゴウ</t>
    </rPh>
    <rPh sb="5" eb="6">
      <t>ツウ</t>
    </rPh>
    <phoneticPr fontId="1"/>
  </si>
  <si>
    <t>紅葉山３号通</t>
    <rPh sb="0" eb="2">
      <t>モミジ</t>
    </rPh>
    <rPh sb="2" eb="3">
      <t>ヤマ</t>
    </rPh>
    <rPh sb="4" eb="5">
      <t>ゴウ</t>
    </rPh>
    <rPh sb="5" eb="6">
      <t>ツウ</t>
    </rPh>
    <phoneticPr fontId="1"/>
  </si>
  <si>
    <t>紅葉山４号通</t>
    <rPh sb="0" eb="2">
      <t>モミジ</t>
    </rPh>
    <rPh sb="2" eb="3">
      <t>ヤマ</t>
    </rPh>
    <rPh sb="4" eb="5">
      <t>ゴウ</t>
    </rPh>
    <rPh sb="5" eb="6">
      <t>ツウ</t>
    </rPh>
    <phoneticPr fontId="1"/>
  </si>
  <si>
    <t>樽川防風通</t>
    <rPh sb="0" eb="1">
      <t>タル</t>
    </rPh>
    <rPh sb="1" eb="2">
      <t>カワ</t>
    </rPh>
    <rPh sb="2" eb="4">
      <t>ボウフウ</t>
    </rPh>
    <rPh sb="4" eb="5">
      <t>ツウ</t>
    </rPh>
    <phoneticPr fontId="1"/>
  </si>
  <si>
    <t>樽川西通</t>
    <rPh sb="0" eb="1">
      <t>タル</t>
    </rPh>
    <rPh sb="1" eb="2">
      <t>カワ</t>
    </rPh>
    <rPh sb="2" eb="3">
      <t>ニシ</t>
    </rPh>
    <rPh sb="3" eb="4">
      <t>ツウ</t>
    </rPh>
    <phoneticPr fontId="1"/>
  </si>
  <si>
    <t>樽川中通</t>
    <rPh sb="0" eb="1">
      <t>タル</t>
    </rPh>
    <rPh sb="1" eb="2">
      <t>カワ</t>
    </rPh>
    <rPh sb="2" eb="3">
      <t>ナカ</t>
    </rPh>
    <rPh sb="3" eb="4">
      <t>ツウ</t>
    </rPh>
    <phoneticPr fontId="1"/>
  </si>
  <si>
    <t>樽川西防風通</t>
    <rPh sb="0" eb="1">
      <t>タル</t>
    </rPh>
    <rPh sb="1" eb="2">
      <t>カワ</t>
    </rPh>
    <rPh sb="2" eb="3">
      <t>ニシ</t>
    </rPh>
    <rPh sb="3" eb="5">
      <t>ボウフウ</t>
    </rPh>
    <rPh sb="5" eb="6">
      <t>ツウ</t>
    </rPh>
    <phoneticPr fontId="1"/>
  </si>
  <si>
    <t>伏籠川右岸通</t>
    <rPh sb="0" eb="1">
      <t>フ</t>
    </rPh>
    <rPh sb="1" eb="2">
      <t>カゴ</t>
    </rPh>
    <rPh sb="2" eb="3">
      <t>カワ</t>
    </rPh>
    <rPh sb="3" eb="4">
      <t>ミギ</t>
    </rPh>
    <rPh sb="4" eb="5">
      <t>キシ</t>
    </rPh>
    <rPh sb="5" eb="6">
      <t>ツウ</t>
    </rPh>
    <phoneticPr fontId="1"/>
  </si>
  <si>
    <t>　合計</t>
    <rPh sb="1" eb="3">
      <t>ゴウケイ</t>
    </rPh>
    <phoneticPr fontId="1"/>
  </si>
  <si>
    <t xml:space="preserve">              ４８路線</t>
    <rPh sb="16" eb="18">
      <t>ロセン</t>
    </rPh>
    <phoneticPr fontId="1"/>
  </si>
  <si>
    <t>西５丁目・樽川通</t>
    <rPh sb="0" eb="1">
      <t>ニシ</t>
    </rPh>
    <rPh sb="2" eb="4">
      <t>チョウメ</t>
    </rPh>
    <rPh sb="5" eb="6">
      <t>タル</t>
    </rPh>
    <rPh sb="6" eb="7">
      <t>カワ</t>
    </rPh>
    <rPh sb="7" eb="8">
      <t>ツウ</t>
    </rPh>
    <phoneticPr fontId="1"/>
  </si>
  <si>
    <t>小樽・石狩通</t>
    <rPh sb="0" eb="2">
      <t>オタル</t>
    </rPh>
    <rPh sb="3" eb="5">
      <t>イシカリ</t>
    </rPh>
    <rPh sb="5" eb="6">
      <t>ドオリ</t>
    </rPh>
    <phoneticPr fontId="1"/>
  </si>
  <si>
    <t>総　延　長</t>
    <rPh sb="0" eb="1">
      <t>フサ</t>
    </rPh>
    <rPh sb="2" eb="3">
      <t>エン</t>
    </rPh>
    <rPh sb="4" eb="5">
      <t>チョウ</t>
    </rPh>
    <phoneticPr fontId="1"/>
  </si>
  <si>
    <t>石 狩 市 分</t>
    <rPh sb="0" eb="1">
      <t>イシ</t>
    </rPh>
    <rPh sb="2" eb="3">
      <t>カリ</t>
    </rPh>
    <rPh sb="4" eb="5">
      <t>シ</t>
    </rPh>
    <rPh sb="6" eb="7">
      <t>ブン</t>
    </rPh>
    <phoneticPr fontId="1"/>
  </si>
  <si>
    <t>※総延長合計は石狩市域外部分含む。</t>
    <rPh sb="1" eb="4">
      <t>ソウエンチョウ</t>
    </rPh>
    <rPh sb="4" eb="6">
      <t>ゴウケイ</t>
    </rPh>
    <rPh sb="7" eb="9">
      <t>イシカリ</t>
    </rPh>
    <rPh sb="9" eb="10">
      <t>シ</t>
    </rPh>
    <rPh sb="10" eb="11">
      <t>イキ</t>
    </rPh>
    <rPh sb="11" eb="12">
      <t>ソト</t>
    </rPh>
    <rPh sb="12" eb="14">
      <t>ブブン</t>
    </rPh>
    <rPh sb="14" eb="15">
      <t>フク</t>
    </rPh>
    <phoneticPr fontId="1"/>
  </si>
  <si>
    <t xml:space="preserve">3.1.1 </t>
    <phoneticPr fontId="1"/>
  </si>
  <si>
    <t xml:space="preserve">         45･55</t>
    <phoneticPr fontId="1"/>
  </si>
  <si>
    <t xml:space="preserve">         25･32</t>
    <phoneticPr fontId="2"/>
  </si>
  <si>
    <t>3.3.402</t>
    <phoneticPr fontId="1"/>
  </si>
  <si>
    <t>石狩・手稲通</t>
    <rPh sb="0" eb="2">
      <t>イシカリ</t>
    </rPh>
    <rPh sb="3" eb="4">
      <t>テ</t>
    </rPh>
    <rPh sb="4" eb="5">
      <t>イネ</t>
    </rPh>
    <rPh sb="5" eb="6">
      <t>ツウ</t>
    </rPh>
    <phoneticPr fontId="1"/>
  </si>
  <si>
    <t xml:space="preserve">         25･30</t>
    <phoneticPr fontId="1"/>
  </si>
  <si>
    <t>3.3.403</t>
    <phoneticPr fontId="1"/>
  </si>
  <si>
    <t>3.4.408</t>
    <phoneticPr fontId="1"/>
  </si>
  <si>
    <t xml:space="preserve">         16･18</t>
    <phoneticPr fontId="1"/>
  </si>
  <si>
    <t>3.1.409</t>
    <phoneticPr fontId="1"/>
  </si>
  <si>
    <t>3.1.410</t>
    <phoneticPr fontId="1"/>
  </si>
  <si>
    <t>3.2.411</t>
    <phoneticPr fontId="1"/>
  </si>
  <si>
    <t>3.2.412</t>
    <phoneticPr fontId="1"/>
  </si>
  <si>
    <t>3.2.413</t>
    <phoneticPr fontId="1"/>
  </si>
  <si>
    <t>3.4.414</t>
    <phoneticPr fontId="1"/>
  </si>
  <si>
    <t xml:space="preserve">         18･21</t>
    <phoneticPr fontId="2"/>
  </si>
  <si>
    <t>3.3.415</t>
    <phoneticPr fontId="1"/>
  </si>
  <si>
    <t>花畔・茨戸通</t>
    <rPh sb="0" eb="1">
      <t>ハナ</t>
    </rPh>
    <rPh sb="1" eb="2">
      <t>アゼ</t>
    </rPh>
    <rPh sb="3" eb="4">
      <t>イバラ</t>
    </rPh>
    <rPh sb="4" eb="5">
      <t>ト</t>
    </rPh>
    <rPh sb="5" eb="6">
      <t>ツウ</t>
    </rPh>
    <phoneticPr fontId="1"/>
  </si>
  <si>
    <t>3.4.416</t>
    <phoneticPr fontId="1"/>
  </si>
  <si>
    <t>3.4.417</t>
    <phoneticPr fontId="1"/>
  </si>
  <si>
    <t>3.4.418</t>
    <phoneticPr fontId="1"/>
  </si>
  <si>
    <t>3.4.419</t>
    <phoneticPr fontId="1"/>
  </si>
  <si>
    <t>3.4.420</t>
    <phoneticPr fontId="1"/>
  </si>
  <si>
    <t>紅葉山・茨戸通</t>
    <rPh sb="0" eb="2">
      <t>モミジ</t>
    </rPh>
    <rPh sb="2" eb="3">
      <t>ヤマ</t>
    </rPh>
    <rPh sb="4" eb="5">
      <t>イバラ</t>
    </rPh>
    <rPh sb="5" eb="6">
      <t>ト</t>
    </rPh>
    <rPh sb="6" eb="7">
      <t>ツウ</t>
    </rPh>
    <phoneticPr fontId="1"/>
  </si>
  <si>
    <t>3.3.421</t>
    <phoneticPr fontId="1"/>
  </si>
  <si>
    <t>3.4.422</t>
    <phoneticPr fontId="1"/>
  </si>
  <si>
    <t xml:space="preserve">         18･25</t>
    <phoneticPr fontId="1"/>
  </si>
  <si>
    <t>3.4.423</t>
    <phoneticPr fontId="1"/>
  </si>
  <si>
    <t>3.4.424</t>
    <phoneticPr fontId="1"/>
  </si>
  <si>
    <t>3.4.425</t>
    <phoneticPr fontId="1"/>
  </si>
  <si>
    <t>3.4.426</t>
    <phoneticPr fontId="1"/>
  </si>
  <si>
    <t>3.4.427</t>
    <phoneticPr fontId="1"/>
  </si>
  <si>
    <t>3.4.428</t>
    <phoneticPr fontId="1"/>
  </si>
  <si>
    <t>3.4.429</t>
    <phoneticPr fontId="1"/>
  </si>
  <si>
    <t>3.4.430</t>
    <phoneticPr fontId="1"/>
  </si>
  <si>
    <t>3.4.431</t>
    <phoneticPr fontId="1"/>
  </si>
  <si>
    <t>3.4.432</t>
    <phoneticPr fontId="1"/>
  </si>
  <si>
    <t>3.4.433</t>
    <phoneticPr fontId="1"/>
  </si>
  <si>
    <t>3.1.500</t>
    <phoneticPr fontId="1"/>
  </si>
  <si>
    <t xml:space="preserve">         45･55</t>
    <phoneticPr fontId="1"/>
  </si>
  <si>
    <t>3.1.501</t>
    <phoneticPr fontId="1"/>
  </si>
  <si>
    <t xml:space="preserve">         30･50</t>
    <phoneticPr fontId="1"/>
  </si>
  <si>
    <t>3.1.502</t>
    <phoneticPr fontId="1"/>
  </si>
  <si>
    <t>7.5.401</t>
    <phoneticPr fontId="1"/>
  </si>
  <si>
    <t>7.5.402</t>
    <phoneticPr fontId="1"/>
  </si>
  <si>
    <t>7.5.403</t>
    <phoneticPr fontId="1"/>
  </si>
  <si>
    <t>7.5.404</t>
    <phoneticPr fontId="1"/>
  </si>
  <si>
    <t>7.4.405</t>
    <phoneticPr fontId="1"/>
  </si>
  <si>
    <t>7.5.406</t>
    <phoneticPr fontId="1"/>
  </si>
  <si>
    <t>7.4.407</t>
    <phoneticPr fontId="1"/>
  </si>
  <si>
    <t>7.5.408</t>
    <phoneticPr fontId="1"/>
  </si>
  <si>
    <t>7.5.409</t>
    <phoneticPr fontId="1"/>
  </si>
  <si>
    <t>7.5.410</t>
    <phoneticPr fontId="1"/>
  </si>
  <si>
    <t>7.5.411</t>
    <phoneticPr fontId="1"/>
  </si>
  <si>
    <t xml:space="preserve">     　  14･18</t>
    <phoneticPr fontId="1"/>
  </si>
  <si>
    <t>延　　　長</t>
    <rPh sb="0" eb="1">
      <t>ノベ</t>
    </rPh>
    <rPh sb="4" eb="5">
      <t>チョウ</t>
    </rPh>
    <phoneticPr fontId="1"/>
  </si>
  <si>
    <t>　　　　　（令和5年3月末現在 単位:ｍ）</t>
    <rPh sb="6" eb="8">
      <t>レイワ</t>
    </rPh>
    <rPh sb="9" eb="10">
      <t>ネン</t>
    </rPh>
    <rPh sb="11" eb="12">
      <t>ガツ</t>
    </rPh>
    <rPh sb="12" eb="13">
      <t>マツ</t>
    </rPh>
    <rPh sb="13" eb="15">
      <t>ゲンザイ</t>
    </rPh>
    <rPh sb="16" eb="18">
      <t>タン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3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0">
    <xf numFmtId="0" fontId="0" fillId="0" borderId="0" xfId="0"/>
    <xf numFmtId="0" fontId="0" fillId="0" borderId="0" xfId="0" applyAlignment="1">
      <alignment horizontal="distributed" vertical="center"/>
    </xf>
    <xf numFmtId="176" fontId="0" fillId="0" borderId="0" xfId="0" applyNumberFormat="1" applyAlignment="1">
      <alignment vertical="center"/>
    </xf>
    <xf numFmtId="0" fontId="0" fillId="0" borderId="0" xfId="0" applyAlignment="1">
      <alignment vertical="center"/>
    </xf>
    <xf numFmtId="0" fontId="0" fillId="0" borderId="5" xfId="0" applyBorder="1" applyAlignment="1">
      <alignment horizontal="distributed" vertical="center"/>
    </xf>
    <xf numFmtId="0" fontId="0" fillId="0" borderId="7" xfId="0" applyBorder="1" applyAlignment="1">
      <alignment horizontal="left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176" fontId="0" fillId="0" borderId="8" xfId="0" applyNumberFormat="1" applyBorder="1" applyAlignment="1">
      <alignment vertical="center"/>
    </xf>
    <xf numFmtId="176" fontId="0" fillId="0" borderId="5" xfId="0" applyNumberFormat="1" applyBorder="1" applyAlignment="1">
      <alignment vertical="center"/>
    </xf>
    <xf numFmtId="0" fontId="0" fillId="0" borderId="9" xfId="0" applyBorder="1" applyAlignment="1">
      <alignment horizontal="distributed" vertical="center"/>
    </xf>
    <xf numFmtId="176" fontId="0" fillId="0" borderId="9" xfId="0" applyNumberFormat="1" applyBorder="1" applyAlignment="1">
      <alignment vertical="center"/>
    </xf>
    <xf numFmtId="49" fontId="0" fillId="0" borderId="10" xfId="0" applyNumberFormat="1" applyFill="1" applyBorder="1" applyAlignment="1">
      <alignment horizontal="center" vertical="center"/>
    </xf>
    <xf numFmtId="176" fontId="0" fillId="0" borderId="11" xfId="0" applyNumberFormat="1" applyBorder="1" applyAlignment="1">
      <alignment vertical="center"/>
    </xf>
    <xf numFmtId="0" fontId="0" fillId="0" borderId="6" xfId="0" applyFill="1" applyBorder="1" applyAlignment="1">
      <alignment horizontal="center" vertical="center"/>
    </xf>
    <xf numFmtId="176" fontId="0" fillId="0" borderId="12" xfId="0" applyNumberFormat="1" applyBorder="1" applyAlignment="1">
      <alignment vertical="center"/>
    </xf>
    <xf numFmtId="0" fontId="0" fillId="0" borderId="13" xfId="0" applyFill="1" applyBorder="1" applyAlignment="1">
      <alignment horizontal="center" vertical="center"/>
    </xf>
    <xf numFmtId="176" fontId="0" fillId="0" borderId="14" xfId="0" applyNumberFormat="1" applyBorder="1" applyAlignment="1">
      <alignment vertical="center"/>
    </xf>
    <xf numFmtId="0" fontId="0" fillId="0" borderId="15" xfId="0" applyBorder="1" applyAlignment="1">
      <alignment vertical="center"/>
    </xf>
    <xf numFmtId="0" fontId="0" fillId="0" borderId="16" xfId="0" applyBorder="1" applyAlignment="1">
      <alignment vertical="center"/>
    </xf>
    <xf numFmtId="0" fontId="0" fillId="0" borderId="4" xfId="0" applyBorder="1" applyAlignment="1">
      <alignment horizontal="distributed" vertical="center"/>
    </xf>
    <xf numFmtId="0" fontId="0" fillId="0" borderId="1" xfId="0" applyBorder="1" applyAlignment="1">
      <alignment horizontal="distributed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right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19" xfId="0" applyBorder="1" applyAlignment="1">
      <alignment horizontal="distributed" vertical="center"/>
    </xf>
    <xf numFmtId="0" fontId="0" fillId="0" borderId="3" xfId="0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E97"/>
  <sheetViews>
    <sheetView tabSelected="1" view="pageBreakPreview" zoomScale="160" zoomScaleNormal="100" zoomScaleSheetLayoutView="160" workbookViewId="0">
      <selection activeCell="G6" sqref="G6"/>
    </sheetView>
  </sheetViews>
  <sheetFormatPr defaultRowHeight="13.2" x14ac:dyDescent="0.2"/>
  <cols>
    <col min="1" max="1" width="11.6640625" customWidth="1"/>
    <col min="2" max="2" width="26.109375" customWidth="1"/>
    <col min="3" max="5" width="15.77734375" customWidth="1"/>
  </cols>
  <sheetData>
    <row r="1" spans="1:5" ht="13.8" thickBot="1" x14ac:dyDescent="0.25">
      <c r="C1" s="23" t="s">
        <v>115</v>
      </c>
      <c r="D1" s="23"/>
      <c r="E1" s="23"/>
    </row>
    <row r="2" spans="1:5" ht="19.5" customHeight="1" thickTop="1" x14ac:dyDescent="0.2">
      <c r="A2" s="24" t="s">
        <v>3</v>
      </c>
      <c r="B2" s="25"/>
      <c r="C2" s="26" t="s">
        <v>114</v>
      </c>
      <c r="D2" s="27"/>
      <c r="E2" s="28" t="s">
        <v>2</v>
      </c>
    </row>
    <row r="3" spans="1:5" ht="19.5" customHeight="1" x14ac:dyDescent="0.2">
      <c r="A3" s="20" t="s">
        <v>0</v>
      </c>
      <c r="B3" s="21" t="s">
        <v>1</v>
      </c>
      <c r="C3" s="22" t="s">
        <v>56</v>
      </c>
      <c r="D3" s="22" t="s">
        <v>57</v>
      </c>
      <c r="E3" s="29"/>
    </row>
    <row r="4" spans="1:5" s="3" customFormat="1" ht="19.5" customHeight="1" x14ac:dyDescent="0.2">
      <c r="A4" s="12" t="s">
        <v>59</v>
      </c>
      <c r="B4" s="7" t="s">
        <v>15</v>
      </c>
      <c r="C4" s="8">
        <v>14460</v>
      </c>
      <c r="D4" s="8">
        <v>1910</v>
      </c>
      <c r="E4" s="13" t="s">
        <v>60</v>
      </c>
    </row>
    <row r="5" spans="1:5" s="3" customFormat="1" ht="19.5" customHeight="1" x14ac:dyDescent="0.2">
      <c r="A5" s="14" t="s">
        <v>4</v>
      </c>
      <c r="B5" s="4" t="s">
        <v>6</v>
      </c>
      <c r="C5" s="9">
        <v>2980</v>
      </c>
      <c r="D5" s="9">
        <v>2980</v>
      </c>
      <c r="E5" s="15" t="s">
        <v>61</v>
      </c>
    </row>
    <row r="6" spans="1:5" s="3" customFormat="1" ht="19.5" customHeight="1" x14ac:dyDescent="0.2">
      <c r="A6" s="14" t="s">
        <v>62</v>
      </c>
      <c r="B6" s="4" t="s">
        <v>63</v>
      </c>
      <c r="C6" s="9">
        <v>6100</v>
      </c>
      <c r="D6" s="9">
        <v>6100</v>
      </c>
      <c r="E6" s="15" t="s">
        <v>64</v>
      </c>
    </row>
    <row r="7" spans="1:5" s="3" customFormat="1" ht="19.5" customHeight="1" x14ac:dyDescent="0.2">
      <c r="A7" s="14" t="s">
        <v>65</v>
      </c>
      <c r="B7" s="4" t="s">
        <v>54</v>
      </c>
      <c r="C7" s="9">
        <v>1240</v>
      </c>
      <c r="D7" s="9">
        <v>1240</v>
      </c>
      <c r="E7" s="15">
        <v>25</v>
      </c>
    </row>
    <row r="8" spans="1:5" s="3" customFormat="1" ht="19.5" customHeight="1" x14ac:dyDescent="0.2">
      <c r="A8" s="14" t="s">
        <v>5</v>
      </c>
      <c r="B8" s="4" t="s">
        <v>7</v>
      </c>
      <c r="C8" s="9">
        <v>2710</v>
      </c>
      <c r="D8" s="9">
        <v>2710</v>
      </c>
      <c r="E8" s="15">
        <v>18</v>
      </c>
    </row>
    <row r="9" spans="1:5" s="3" customFormat="1" ht="19.5" customHeight="1" x14ac:dyDescent="0.2">
      <c r="A9" s="14" t="s">
        <v>8</v>
      </c>
      <c r="B9" s="4" t="s">
        <v>11</v>
      </c>
      <c r="C9" s="9">
        <v>3980</v>
      </c>
      <c r="D9" s="9">
        <v>3980</v>
      </c>
      <c r="E9" s="15">
        <v>18</v>
      </c>
    </row>
    <row r="10" spans="1:5" s="3" customFormat="1" ht="19.5" customHeight="1" x14ac:dyDescent="0.2">
      <c r="A10" s="14" t="s">
        <v>9</v>
      </c>
      <c r="B10" s="4" t="s">
        <v>12</v>
      </c>
      <c r="C10" s="9">
        <v>740</v>
      </c>
      <c r="D10" s="9">
        <v>740</v>
      </c>
      <c r="E10" s="15">
        <v>18</v>
      </c>
    </row>
    <row r="11" spans="1:5" s="3" customFormat="1" ht="19.5" customHeight="1" x14ac:dyDescent="0.2">
      <c r="A11" s="14" t="s">
        <v>10</v>
      </c>
      <c r="B11" s="4" t="s">
        <v>13</v>
      </c>
      <c r="C11" s="9">
        <v>990</v>
      </c>
      <c r="D11" s="9">
        <v>990</v>
      </c>
      <c r="E11" s="15">
        <v>16</v>
      </c>
    </row>
    <row r="12" spans="1:5" s="3" customFormat="1" ht="19.5" customHeight="1" x14ac:dyDescent="0.2">
      <c r="A12" s="14" t="s">
        <v>66</v>
      </c>
      <c r="B12" s="4" t="s">
        <v>14</v>
      </c>
      <c r="C12" s="9">
        <v>5650</v>
      </c>
      <c r="D12" s="9">
        <v>5650</v>
      </c>
      <c r="E12" s="15" t="s">
        <v>67</v>
      </c>
    </row>
    <row r="13" spans="1:5" s="3" customFormat="1" ht="19.5" customHeight="1" x14ac:dyDescent="0.2">
      <c r="A13" s="14" t="s">
        <v>68</v>
      </c>
      <c r="B13" s="4" t="s">
        <v>16</v>
      </c>
      <c r="C13" s="9">
        <v>330</v>
      </c>
      <c r="D13" s="9">
        <v>330</v>
      </c>
      <c r="E13" s="15">
        <v>40</v>
      </c>
    </row>
    <row r="14" spans="1:5" s="3" customFormat="1" ht="19.5" customHeight="1" x14ac:dyDescent="0.2">
      <c r="A14" s="14" t="s">
        <v>69</v>
      </c>
      <c r="B14" s="4" t="s">
        <v>17</v>
      </c>
      <c r="C14" s="9">
        <v>4250</v>
      </c>
      <c r="D14" s="9">
        <v>4250</v>
      </c>
      <c r="E14" s="15">
        <v>45</v>
      </c>
    </row>
    <row r="15" spans="1:5" s="3" customFormat="1" ht="19.5" customHeight="1" x14ac:dyDescent="0.2">
      <c r="A15" s="14" t="s">
        <v>70</v>
      </c>
      <c r="B15" s="4" t="s">
        <v>20</v>
      </c>
      <c r="C15" s="9">
        <v>790</v>
      </c>
      <c r="D15" s="9">
        <v>790</v>
      </c>
      <c r="E15" s="15">
        <v>30</v>
      </c>
    </row>
    <row r="16" spans="1:5" s="3" customFormat="1" ht="19.5" customHeight="1" x14ac:dyDescent="0.2">
      <c r="A16" s="14" t="s">
        <v>71</v>
      </c>
      <c r="B16" s="4" t="s">
        <v>21</v>
      </c>
      <c r="C16" s="9">
        <v>1180</v>
      </c>
      <c r="D16" s="9">
        <v>1180</v>
      </c>
      <c r="E16" s="15">
        <v>30</v>
      </c>
    </row>
    <row r="17" spans="1:5" s="3" customFormat="1" ht="19.5" customHeight="1" x14ac:dyDescent="0.2">
      <c r="A17" s="14" t="s">
        <v>72</v>
      </c>
      <c r="B17" s="4" t="s">
        <v>22</v>
      </c>
      <c r="C17" s="9">
        <v>2020</v>
      </c>
      <c r="D17" s="9">
        <v>2020</v>
      </c>
      <c r="E17" s="15">
        <v>30</v>
      </c>
    </row>
    <row r="18" spans="1:5" s="3" customFormat="1" ht="19.5" customHeight="1" x14ac:dyDescent="0.2">
      <c r="A18" s="14" t="s">
        <v>73</v>
      </c>
      <c r="B18" s="4" t="s">
        <v>23</v>
      </c>
      <c r="C18" s="9">
        <v>1670</v>
      </c>
      <c r="D18" s="9">
        <v>1670</v>
      </c>
      <c r="E18" s="15" t="s">
        <v>74</v>
      </c>
    </row>
    <row r="19" spans="1:5" s="3" customFormat="1" ht="19.5" customHeight="1" x14ac:dyDescent="0.2">
      <c r="A19" s="14" t="s">
        <v>75</v>
      </c>
      <c r="B19" s="4" t="s">
        <v>76</v>
      </c>
      <c r="C19" s="9">
        <v>2970</v>
      </c>
      <c r="D19" s="9">
        <v>2970</v>
      </c>
      <c r="E19" s="15">
        <v>25</v>
      </c>
    </row>
    <row r="20" spans="1:5" s="3" customFormat="1" ht="19.5" customHeight="1" x14ac:dyDescent="0.2">
      <c r="A20" s="14" t="s">
        <v>77</v>
      </c>
      <c r="B20" s="4" t="s">
        <v>24</v>
      </c>
      <c r="C20" s="9">
        <v>2500</v>
      </c>
      <c r="D20" s="9">
        <v>2500</v>
      </c>
      <c r="E20" s="15">
        <v>18</v>
      </c>
    </row>
    <row r="21" spans="1:5" s="3" customFormat="1" ht="19.5" customHeight="1" x14ac:dyDescent="0.2">
      <c r="A21" s="14" t="s">
        <v>78</v>
      </c>
      <c r="B21" s="4" t="s">
        <v>25</v>
      </c>
      <c r="C21" s="9">
        <v>2090</v>
      </c>
      <c r="D21" s="9">
        <v>2090</v>
      </c>
      <c r="E21" s="15">
        <v>18</v>
      </c>
    </row>
    <row r="22" spans="1:5" s="3" customFormat="1" ht="19.5" customHeight="1" x14ac:dyDescent="0.2">
      <c r="A22" s="14" t="s">
        <v>79</v>
      </c>
      <c r="B22" s="4" t="s">
        <v>26</v>
      </c>
      <c r="C22" s="9">
        <v>330</v>
      </c>
      <c r="D22" s="9">
        <v>330</v>
      </c>
      <c r="E22" s="15">
        <v>20</v>
      </c>
    </row>
    <row r="23" spans="1:5" s="3" customFormat="1" ht="19.5" customHeight="1" x14ac:dyDescent="0.2">
      <c r="A23" s="14" t="s">
        <v>80</v>
      </c>
      <c r="B23" s="4" t="s">
        <v>27</v>
      </c>
      <c r="C23" s="9">
        <v>330</v>
      </c>
      <c r="D23" s="9">
        <v>330</v>
      </c>
      <c r="E23" s="15">
        <v>18</v>
      </c>
    </row>
    <row r="24" spans="1:5" s="3" customFormat="1" ht="19.5" customHeight="1" x14ac:dyDescent="0.2">
      <c r="A24" s="14" t="s">
        <v>81</v>
      </c>
      <c r="B24" s="4" t="s">
        <v>82</v>
      </c>
      <c r="C24" s="9">
        <v>2290</v>
      </c>
      <c r="D24" s="9">
        <v>2290</v>
      </c>
      <c r="E24" s="15">
        <v>18</v>
      </c>
    </row>
    <row r="25" spans="1:5" s="3" customFormat="1" ht="19.5" customHeight="1" x14ac:dyDescent="0.2">
      <c r="A25" s="14" t="s">
        <v>83</v>
      </c>
      <c r="B25" s="4" t="s">
        <v>28</v>
      </c>
      <c r="C25" s="9">
        <v>3660</v>
      </c>
      <c r="D25" s="9">
        <v>3660</v>
      </c>
      <c r="E25" s="15">
        <v>22</v>
      </c>
    </row>
    <row r="26" spans="1:5" s="3" customFormat="1" ht="19.5" customHeight="1" x14ac:dyDescent="0.2">
      <c r="A26" s="14" t="s">
        <v>84</v>
      </c>
      <c r="B26" s="4" t="s">
        <v>29</v>
      </c>
      <c r="C26" s="9">
        <v>1120</v>
      </c>
      <c r="D26" s="9">
        <v>1120</v>
      </c>
      <c r="E26" s="15" t="s">
        <v>85</v>
      </c>
    </row>
    <row r="27" spans="1:5" s="3" customFormat="1" ht="19.5" customHeight="1" x14ac:dyDescent="0.2">
      <c r="A27" s="14" t="s">
        <v>86</v>
      </c>
      <c r="B27" s="4" t="s">
        <v>30</v>
      </c>
      <c r="C27" s="9">
        <v>540</v>
      </c>
      <c r="D27" s="9">
        <v>540</v>
      </c>
      <c r="E27" s="15">
        <v>18</v>
      </c>
    </row>
    <row r="28" spans="1:5" s="3" customFormat="1" ht="19.5" customHeight="1" x14ac:dyDescent="0.2">
      <c r="A28" s="14" t="s">
        <v>87</v>
      </c>
      <c r="B28" s="4" t="s">
        <v>31</v>
      </c>
      <c r="C28" s="9">
        <v>550</v>
      </c>
      <c r="D28" s="9">
        <v>550</v>
      </c>
      <c r="E28" s="15">
        <v>18</v>
      </c>
    </row>
    <row r="29" spans="1:5" s="3" customFormat="1" ht="19.5" customHeight="1" x14ac:dyDescent="0.2">
      <c r="A29" s="14" t="s">
        <v>88</v>
      </c>
      <c r="B29" s="4" t="s">
        <v>32</v>
      </c>
      <c r="C29" s="9">
        <v>1730</v>
      </c>
      <c r="D29" s="9">
        <v>1730</v>
      </c>
      <c r="E29" s="15">
        <v>18</v>
      </c>
    </row>
    <row r="30" spans="1:5" s="3" customFormat="1" ht="19.5" customHeight="1" x14ac:dyDescent="0.2">
      <c r="A30" s="14" t="s">
        <v>89</v>
      </c>
      <c r="B30" s="4" t="s">
        <v>33</v>
      </c>
      <c r="C30" s="9">
        <v>1110</v>
      </c>
      <c r="D30" s="9">
        <v>1110</v>
      </c>
      <c r="E30" s="15">
        <v>18</v>
      </c>
    </row>
    <row r="31" spans="1:5" s="3" customFormat="1" ht="19.5" customHeight="1" x14ac:dyDescent="0.2">
      <c r="A31" s="14" t="s">
        <v>90</v>
      </c>
      <c r="B31" s="4" t="s">
        <v>37</v>
      </c>
      <c r="C31" s="9">
        <v>310</v>
      </c>
      <c r="D31" s="9">
        <v>310</v>
      </c>
      <c r="E31" s="15">
        <v>20</v>
      </c>
    </row>
    <row r="32" spans="1:5" s="3" customFormat="1" ht="19.5" customHeight="1" x14ac:dyDescent="0.2">
      <c r="A32" s="14" t="s">
        <v>91</v>
      </c>
      <c r="B32" s="4" t="s">
        <v>38</v>
      </c>
      <c r="C32" s="9">
        <v>150</v>
      </c>
      <c r="D32" s="9">
        <v>150</v>
      </c>
      <c r="E32" s="15">
        <v>20</v>
      </c>
    </row>
    <row r="33" spans="1:5" s="3" customFormat="1" ht="19.5" customHeight="1" x14ac:dyDescent="0.2">
      <c r="A33" s="14" t="s">
        <v>92</v>
      </c>
      <c r="B33" s="4" t="s">
        <v>39</v>
      </c>
      <c r="C33" s="9">
        <v>360</v>
      </c>
      <c r="D33" s="9">
        <v>360</v>
      </c>
      <c r="E33" s="15">
        <v>20</v>
      </c>
    </row>
    <row r="34" spans="1:5" s="3" customFormat="1" ht="19.5" customHeight="1" x14ac:dyDescent="0.2">
      <c r="A34" s="14" t="s">
        <v>93</v>
      </c>
      <c r="B34" s="4" t="s">
        <v>34</v>
      </c>
      <c r="C34" s="9">
        <v>550</v>
      </c>
      <c r="D34" s="9">
        <v>550</v>
      </c>
      <c r="E34" s="15">
        <v>18</v>
      </c>
    </row>
    <row r="35" spans="1:5" s="3" customFormat="1" ht="19.5" customHeight="1" x14ac:dyDescent="0.2">
      <c r="A35" s="14" t="s">
        <v>94</v>
      </c>
      <c r="B35" s="4" t="s">
        <v>35</v>
      </c>
      <c r="C35" s="9">
        <v>1090</v>
      </c>
      <c r="D35" s="9">
        <v>1090</v>
      </c>
      <c r="E35" s="15">
        <v>18</v>
      </c>
    </row>
    <row r="36" spans="1:5" s="3" customFormat="1" ht="19.5" customHeight="1" x14ac:dyDescent="0.2">
      <c r="A36" s="14" t="s">
        <v>95</v>
      </c>
      <c r="B36" s="4" t="s">
        <v>51</v>
      </c>
      <c r="C36" s="9">
        <v>120</v>
      </c>
      <c r="D36" s="9">
        <v>120</v>
      </c>
      <c r="E36" s="15">
        <v>20</v>
      </c>
    </row>
    <row r="37" spans="1:5" s="3" customFormat="1" ht="19.5" customHeight="1" x14ac:dyDescent="0.2">
      <c r="A37" s="14" t="s">
        <v>96</v>
      </c>
      <c r="B37" s="4" t="s">
        <v>36</v>
      </c>
      <c r="C37" s="9">
        <v>540</v>
      </c>
      <c r="D37" s="9">
        <v>540</v>
      </c>
      <c r="E37" s="15">
        <v>18</v>
      </c>
    </row>
    <row r="38" spans="1:5" s="3" customFormat="1" ht="19.5" customHeight="1" x14ac:dyDescent="0.2">
      <c r="A38" s="14" t="s">
        <v>97</v>
      </c>
      <c r="B38" s="4" t="s">
        <v>18</v>
      </c>
      <c r="C38" s="9">
        <v>20710</v>
      </c>
      <c r="D38" s="9">
        <v>13480</v>
      </c>
      <c r="E38" s="15" t="s">
        <v>98</v>
      </c>
    </row>
    <row r="39" spans="1:5" s="3" customFormat="1" ht="19.5" customHeight="1" x14ac:dyDescent="0.2">
      <c r="A39" s="14" t="s">
        <v>99</v>
      </c>
      <c r="B39" s="4" t="s">
        <v>55</v>
      </c>
      <c r="C39" s="9">
        <v>10020</v>
      </c>
      <c r="D39" s="9">
        <v>9060</v>
      </c>
      <c r="E39" s="15" t="s">
        <v>100</v>
      </c>
    </row>
    <row r="40" spans="1:5" s="3" customFormat="1" ht="19.5" customHeight="1" x14ac:dyDescent="0.2">
      <c r="A40" s="14" t="s">
        <v>101</v>
      </c>
      <c r="B40" s="4" t="s">
        <v>19</v>
      </c>
      <c r="C40" s="9">
        <v>1800</v>
      </c>
      <c r="D40" s="9">
        <v>1410</v>
      </c>
      <c r="E40" s="15">
        <v>50</v>
      </c>
    </row>
    <row r="41" spans="1:5" s="3" customFormat="1" ht="19.5" customHeight="1" x14ac:dyDescent="0.2">
      <c r="A41" s="14" t="s">
        <v>102</v>
      </c>
      <c r="B41" s="4" t="s">
        <v>43</v>
      </c>
      <c r="C41" s="9">
        <v>470</v>
      </c>
      <c r="D41" s="9">
        <v>470</v>
      </c>
      <c r="E41" s="15">
        <v>14</v>
      </c>
    </row>
    <row r="42" spans="1:5" s="3" customFormat="1" ht="19.5" customHeight="1" x14ac:dyDescent="0.2">
      <c r="A42" s="14" t="s">
        <v>103</v>
      </c>
      <c r="B42" s="4" t="s">
        <v>44</v>
      </c>
      <c r="C42" s="9">
        <v>350</v>
      </c>
      <c r="D42" s="9">
        <v>350</v>
      </c>
      <c r="E42" s="15">
        <v>14</v>
      </c>
    </row>
    <row r="43" spans="1:5" s="3" customFormat="1" ht="19.5" customHeight="1" x14ac:dyDescent="0.2">
      <c r="A43" s="14" t="s">
        <v>104</v>
      </c>
      <c r="B43" s="4" t="s">
        <v>45</v>
      </c>
      <c r="C43" s="9">
        <v>330</v>
      </c>
      <c r="D43" s="9">
        <v>330</v>
      </c>
      <c r="E43" s="15">
        <v>14</v>
      </c>
    </row>
    <row r="44" spans="1:5" s="3" customFormat="1" ht="19.5" customHeight="1" x14ac:dyDescent="0.2">
      <c r="A44" s="14" t="s">
        <v>105</v>
      </c>
      <c r="B44" s="4" t="s">
        <v>46</v>
      </c>
      <c r="C44" s="9">
        <v>360</v>
      </c>
      <c r="D44" s="9">
        <v>360</v>
      </c>
      <c r="E44" s="15">
        <v>14</v>
      </c>
    </row>
    <row r="45" spans="1:5" s="3" customFormat="1" ht="19.5" customHeight="1" x14ac:dyDescent="0.2">
      <c r="A45" s="14" t="s">
        <v>106</v>
      </c>
      <c r="B45" s="4" t="s">
        <v>40</v>
      </c>
      <c r="C45" s="9">
        <v>270</v>
      </c>
      <c r="D45" s="9">
        <v>270</v>
      </c>
      <c r="E45" s="15">
        <v>18</v>
      </c>
    </row>
    <row r="46" spans="1:5" s="3" customFormat="1" ht="19.5" customHeight="1" x14ac:dyDescent="0.2">
      <c r="A46" s="14" t="s">
        <v>107</v>
      </c>
      <c r="B46" s="4" t="s">
        <v>41</v>
      </c>
      <c r="C46" s="9">
        <v>220</v>
      </c>
      <c r="D46" s="9">
        <v>220</v>
      </c>
      <c r="E46" s="15">
        <v>14</v>
      </c>
    </row>
    <row r="47" spans="1:5" s="3" customFormat="1" ht="19.5" customHeight="1" x14ac:dyDescent="0.2">
      <c r="A47" s="14" t="s">
        <v>108</v>
      </c>
      <c r="B47" s="4" t="s">
        <v>42</v>
      </c>
      <c r="C47" s="9">
        <v>230</v>
      </c>
      <c r="D47" s="9">
        <v>230</v>
      </c>
      <c r="E47" s="15">
        <v>18</v>
      </c>
    </row>
    <row r="48" spans="1:5" s="3" customFormat="1" ht="19.5" customHeight="1" x14ac:dyDescent="0.2">
      <c r="A48" s="14" t="s">
        <v>109</v>
      </c>
      <c r="B48" s="4" t="s">
        <v>47</v>
      </c>
      <c r="C48" s="9">
        <v>550</v>
      </c>
      <c r="D48" s="9">
        <v>550</v>
      </c>
      <c r="E48" s="15">
        <v>14</v>
      </c>
    </row>
    <row r="49" spans="1:5" s="3" customFormat="1" ht="19.5" customHeight="1" x14ac:dyDescent="0.2">
      <c r="A49" s="14" t="s">
        <v>110</v>
      </c>
      <c r="B49" s="4" t="s">
        <v>48</v>
      </c>
      <c r="C49" s="9">
        <v>540</v>
      </c>
      <c r="D49" s="9">
        <v>540</v>
      </c>
      <c r="E49" s="15">
        <v>14</v>
      </c>
    </row>
    <row r="50" spans="1:5" s="3" customFormat="1" ht="19.5" customHeight="1" x14ac:dyDescent="0.2">
      <c r="A50" s="14" t="s">
        <v>111</v>
      </c>
      <c r="B50" s="4" t="s">
        <v>49</v>
      </c>
      <c r="C50" s="9">
        <v>1350</v>
      </c>
      <c r="D50" s="9">
        <v>1350</v>
      </c>
      <c r="E50" s="15">
        <v>14</v>
      </c>
    </row>
    <row r="51" spans="1:5" s="3" customFormat="1" ht="19.5" customHeight="1" x14ac:dyDescent="0.2">
      <c r="A51" s="16" t="s">
        <v>112</v>
      </c>
      <c r="B51" s="10" t="s">
        <v>50</v>
      </c>
      <c r="C51" s="11">
        <v>790</v>
      </c>
      <c r="D51" s="11">
        <v>790</v>
      </c>
      <c r="E51" s="17" t="s">
        <v>113</v>
      </c>
    </row>
    <row r="52" spans="1:5" s="3" customFormat="1" ht="19.5" customHeight="1" thickBot="1" x14ac:dyDescent="0.25">
      <c r="A52" s="18" t="s">
        <v>52</v>
      </c>
      <c r="B52" s="5" t="s">
        <v>53</v>
      </c>
      <c r="C52" s="6">
        <v>109420</v>
      </c>
      <c r="D52" s="6">
        <v>88290</v>
      </c>
      <c r="E52" s="19"/>
    </row>
    <row r="53" spans="1:5" x14ac:dyDescent="0.2">
      <c r="A53" t="s">
        <v>58</v>
      </c>
      <c r="B53" s="1"/>
      <c r="C53" s="2"/>
      <c r="D53" s="2"/>
    </row>
    <row r="54" spans="1:5" x14ac:dyDescent="0.2">
      <c r="B54" s="1"/>
      <c r="C54" s="2"/>
    </row>
    <row r="55" spans="1:5" x14ac:dyDescent="0.2">
      <c r="B55" s="1"/>
      <c r="C55" s="2"/>
      <c r="D55" s="2"/>
    </row>
    <row r="56" spans="1:5" x14ac:dyDescent="0.2">
      <c r="B56" s="1"/>
      <c r="C56" s="2"/>
      <c r="D56" s="2"/>
    </row>
    <row r="57" spans="1:5" x14ac:dyDescent="0.2">
      <c r="B57" s="1"/>
      <c r="C57" s="2"/>
      <c r="D57" s="2"/>
    </row>
    <row r="58" spans="1:5" x14ac:dyDescent="0.2">
      <c r="B58" s="1"/>
      <c r="C58" s="2"/>
      <c r="D58" s="2"/>
    </row>
    <row r="59" spans="1:5" x14ac:dyDescent="0.2">
      <c r="B59" s="1"/>
      <c r="C59" s="2"/>
      <c r="D59" s="2"/>
    </row>
    <row r="60" spans="1:5" x14ac:dyDescent="0.2">
      <c r="B60" s="1"/>
      <c r="C60" s="2"/>
      <c r="D60" s="2"/>
    </row>
    <row r="61" spans="1:5" x14ac:dyDescent="0.2">
      <c r="B61" s="1"/>
      <c r="C61" s="2"/>
      <c r="D61" s="2"/>
    </row>
    <row r="62" spans="1:5" x14ac:dyDescent="0.2">
      <c r="B62" s="1"/>
      <c r="C62" s="2"/>
      <c r="D62" s="2"/>
    </row>
    <row r="63" spans="1:5" x14ac:dyDescent="0.2">
      <c r="B63" s="1"/>
      <c r="C63" s="2"/>
      <c r="D63" s="2"/>
    </row>
    <row r="64" spans="1:5" x14ac:dyDescent="0.2">
      <c r="B64" s="1"/>
      <c r="C64" s="2"/>
      <c r="D64" s="2"/>
    </row>
    <row r="65" spans="2:4" x14ac:dyDescent="0.2">
      <c r="B65" s="1"/>
      <c r="C65" s="2"/>
      <c r="D65" s="2"/>
    </row>
    <row r="66" spans="2:4" x14ac:dyDescent="0.2">
      <c r="B66" s="1"/>
      <c r="C66" s="2"/>
      <c r="D66" s="2"/>
    </row>
    <row r="67" spans="2:4" x14ac:dyDescent="0.2">
      <c r="B67" s="1"/>
      <c r="C67" s="2"/>
      <c r="D67" s="2"/>
    </row>
    <row r="68" spans="2:4" x14ac:dyDescent="0.2">
      <c r="B68" s="1"/>
      <c r="C68" s="2"/>
      <c r="D68" s="2"/>
    </row>
    <row r="69" spans="2:4" x14ac:dyDescent="0.2">
      <c r="B69" s="1"/>
      <c r="C69" s="2"/>
      <c r="D69" s="2"/>
    </row>
    <row r="70" spans="2:4" x14ac:dyDescent="0.2">
      <c r="B70" s="1"/>
      <c r="C70" s="2"/>
      <c r="D70" s="2"/>
    </row>
    <row r="71" spans="2:4" x14ac:dyDescent="0.2">
      <c r="B71" s="1"/>
      <c r="C71" s="2"/>
      <c r="D71" s="2"/>
    </row>
    <row r="72" spans="2:4" x14ac:dyDescent="0.2">
      <c r="B72" s="1"/>
      <c r="C72" s="2"/>
      <c r="D72" s="2"/>
    </row>
    <row r="73" spans="2:4" x14ac:dyDescent="0.2">
      <c r="B73" s="1"/>
      <c r="C73" s="2"/>
      <c r="D73" s="2"/>
    </row>
    <row r="74" spans="2:4" x14ac:dyDescent="0.2">
      <c r="B74" s="1"/>
      <c r="C74" s="2"/>
      <c r="D74" s="2"/>
    </row>
    <row r="75" spans="2:4" x14ac:dyDescent="0.2">
      <c r="B75" s="1"/>
      <c r="C75" s="2"/>
      <c r="D75" s="2"/>
    </row>
    <row r="76" spans="2:4" x14ac:dyDescent="0.2">
      <c r="B76" s="1"/>
      <c r="C76" s="2"/>
      <c r="D76" s="2"/>
    </row>
    <row r="77" spans="2:4" x14ac:dyDescent="0.2">
      <c r="B77" s="1"/>
      <c r="C77" s="2"/>
      <c r="D77" s="2"/>
    </row>
    <row r="78" spans="2:4" x14ac:dyDescent="0.2">
      <c r="B78" s="1"/>
      <c r="C78" s="2"/>
      <c r="D78" s="2"/>
    </row>
    <row r="79" spans="2:4" x14ac:dyDescent="0.2">
      <c r="B79" s="1"/>
      <c r="C79" s="2"/>
      <c r="D79" s="2"/>
    </row>
    <row r="80" spans="2:4" x14ac:dyDescent="0.2">
      <c r="B80" s="1"/>
      <c r="C80" s="2"/>
      <c r="D80" s="2"/>
    </row>
    <row r="81" spans="2:4" x14ac:dyDescent="0.2">
      <c r="B81" s="1"/>
      <c r="C81" s="2"/>
      <c r="D81" s="2"/>
    </row>
    <row r="82" spans="2:4" x14ac:dyDescent="0.2">
      <c r="B82" s="1"/>
      <c r="C82" s="2"/>
      <c r="D82" s="2"/>
    </row>
    <row r="83" spans="2:4" x14ac:dyDescent="0.2">
      <c r="B83" s="1"/>
      <c r="C83" s="2"/>
      <c r="D83" s="2"/>
    </row>
    <row r="84" spans="2:4" x14ac:dyDescent="0.2">
      <c r="B84" s="1"/>
      <c r="C84" s="2"/>
      <c r="D84" s="2"/>
    </row>
    <row r="85" spans="2:4" x14ac:dyDescent="0.2">
      <c r="B85" s="1"/>
      <c r="C85" s="2"/>
      <c r="D85" s="2"/>
    </row>
    <row r="86" spans="2:4" x14ac:dyDescent="0.2">
      <c r="B86" s="1"/>
      <c r="C86" s="2"/>
      <c r="D86" s="2"/>
    </row>
    <row r="87" spans="2:4" x14ac:dyDescent="0.2">
      <c r="B87" s="1"/>
      <c r="C87" s="2"/>
      <c r="D87" s="2"/>
    </row>
    <row r="88" spans="2:4" x14ac:dyDescent="0.2">
      <c r="B88" s="1"/>
      <c r="C88" s="2"/>
      <c r="D88" s="2"/>
    </row>
    <row r="89" spans="2:4" x14ac:dyDescent="0.2">
      <c r="B89" s="1"/>
      <c r="C89" s="2"/>
      <c r="D89" s="2"/>
    </row>
    <row r="90" spans="2:4" x14ac:dyDescent="0.2">
      <c r="B90" s="1"/>
      <c r="C90" s="2"/>
      <c r="D90" s="2"/>
    </row>
    <row r="91" spans="2:4" x14ac:dyDescent="0.2">
      <c r="B91" s="1"/>
      <c r="C91" s="2"/>
      <c r="D91" s="2"/>
    </row>
    <row r="92" spans="2:4" x14ac:dyDescent="0.2">
      <c r="B92" s="1"/>
      <c r="C92" s="2"/>
      <c r="D92" s="2"/>
    </row>
    <row r="93" spans="2:4" x14ac:dyDescent="0.2">
      <c r="B93" s="1"/>
      <c r="C93" s="2"/>
      <c r="D93" s="2"/>
    </row>
    <row r="94" spans="2:4" x14ac:dyDescent="0.2">
      <c r="B94" s="1"/>
      <c r="C94" s="2"/>
      <c r="D94" s="2"/>
    </row>
    <row r="95" spans="2:4" x14ac:dyDescent="0.2">
      <c r="B95" s="1"/>
      <c r="C95" s="2"/>
      <c r="D95" s="2"/>
    </row>
    <row r="96" spans="2:4" x14ac:dyDescent="0.2">
      <c r="B96" s="1"/>
      <c r="C96" s="2"/>
      <c r="D96" s="2"/>
    </row>
    <row r="97" spans="2:4" x14ac:dyDescent="0.2">
      <c r="B97" s="1"/>
      <c r="C97" s="2"/>
      <c r="D97" s="2"/>
    </row>
  </sheetData>
  <mergeCells count="4">
    <mergeCell ref="C1:E1"/>
    <mergeCell ref="A2:B2"/>
    <mergeCell ref="C2:D2"/>
    <mergeCell ref="E2:E3"/>
  </mergeCells>
  <phoneticPr fontId="2"/>
  <pageMargins left="0.74803149606299213" right="0.74803149606299213" top="0.98425196850393704" bottom="0.98425196850393704" header="0.51181102362204722" footer="0.51181102362204722"/>
  <pageSetup paperSize="9" orientation="portrait" horizontalDpi="4294967293" verticalDpi="300" r:id="rId1"/>
  <headerFooter alignWithMargins="0">
    <oddHeader>&amp;L&amp;14 1-5 都市計画道路状況</oddHeader>
    <oddFooter>&amp;R建設水道部建設総務課　調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7538148-9C5A-482F-861A-79B00891278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29291803-9AFF-4F87-A5AE-3E8B8550039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1EAAE46-6380-4511-A780-2A429203D9E3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5 都市計画道路状況</vt:lpstr>
      <vt:lpstr>'1-5 都市計画道路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0-09-24T07:36:42Z</cp:lastPrinted>
  <dcterms:created xsi:type="dcterms:W3CDTF">1998-06-18T01:30:27Z</dcterms:created>
  <dcterms:modified xsi:type="dcterms:W3CDTF">2023-09-26T00:21:26Z</dcterms:modified>
</cp:coreProperties>
</file>